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aadhoek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schermopname, logo&#10;&#10;Automatisch gegenereerde beschrijving">
            <a:extLst>
              <a:ext uri="{FF2B5EF4-FFF2-40B4-BE49-F238E27FC236}">
                <a16:creationId xmlns:a16="http://schemas.microsoft.com/office/drawing/2014/main" id="{74EC204D-8B6A-2760-614C-F5DBE705487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11121" y="4583283"/>
            <a:ext cx="2737574" cy="201485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9E16BB2E-FB56-CD97-7041-D2CAE898A24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72497" y="3962400"/>
            <a:ext cx="1830972" cy="134759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4</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3-11T15:00:44Z</dcterms:modified>
</cp:coreProperties>
</file>